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4E8BFECC-F2A8-4C3D-A3FD-B801F1712699}" xr6:coauthVersionLast="47" xr6:coauthVersionMax="47" xr10:uidLastSave="{00000000-0000-0000-0000-000000000000}"/>
  <bookViews>
    <workbookView xWindow="-108" yWindow="-108" windowWidth="23256" windowHeight="13896" xr2:uid="{F82AD6CA-2784-4679-BFBA-F7DB60FBA446}"/>
  </bookViews>
  <sheets>
    <sheet name="７号（防）登録" sheetId="6" r:id="rId1"/>
  </sheets>
  <definedNames>
    <definedName name="_xlnm.Print_Area" localSheetId="0">'７号（防）登録'!$A$1:$E$71</definedName>
    <definedName name="_xlnm.Print_Titles" localSheetId="0">'７号（防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3" uniqueCount="346">
  <si>
    <t>登録番号</t>
  </si>
  <si>
    <t>営業所名</t>
  </si>
  <si>
    <t>電話番号</t>
  </si>
  <si>
    <t>郵便番号</t>
  </si>
  <si>
    <t>営業所所在地</t>
  </si>
  <si>
    <t>243-0018</t>
  </si>
  <si>
    <t>243-0002</t>
  </si>
  <si>
    <t>254-0052</t>
  </si>
  <si>
    <t>259-1116</t>
  </si>
  <si>
    <t>251-0043</t>
  </si>
  <si>
    <t>242-0002</t>
  </si>
  <si>
    <t>丸和産業(株)</t>
  </si>
  <si>
    <t>(046)865-3780</t>
  </si>
  <si>
    <t>237-0062</t>
  </si>
  <si>
    <t>254-0019</t>
  </si>
  <si>
    <t>(有)工匠</t>
  </si>
  <si>
    <t>(0466)50-2261</t>
  </si>
  <si>
    <t>251-0012</t>
  </si>
  <si>
    <t>藤沢市村岡東四丁目21番地の５</t>
    <rPh sb="6" eb="9">
      <t>４チョウメ</t>
    </rPh>
    <rPh sb="11" eb="13">
      <t>バンチ</t>
    </rPh>
    <phoneticPr fontId="1"/>
  </si>
  <si>
    <t>243-0031</t>
  </si>
  <si>
    <t>243-0021</t>
  </si>
  <si>
    <t>250-0862</t>
  </si>
  <si>
    <t>250-0032</t>
  </si>
  <si>
    <t>253-0111</t>
  </si>
  <si>
    <t>大和市つきみ野一丁目１番地７-401</t>
  </si>
  <si>
    <t>(株)ＳＫサービス</t>
    <rPh sb="0" eb="3">
      <t>カブ</t>
    </rPh>
    <phoneticPr fontId="1"/>
  </si>
  <si>
    <t>高座郡寒川町大曲二丁目８番14号</t>
    <rPh sb="0" eb="2">
      <t>コウザ</t>
    </rPh>
    <rPh sb="2" eb="3">
      <t>グン</t>
    </rPh>
    <rPh sb="3" eb="6">
      <t>サムカワマチ</t>
    </rPh>
    <rPh sb="6" eb="8">
      <t>オオマガリ</t>
    </rPh>
    <rPh sb="8" eb="11">
      <t>ニチョウメ</t>
    </rPh>
    <rPh sb="12" eb="13">
      <t>バン</t>
    </rPh>
    <rPh sb="15" eb="16">
      <t>ゴウ</t>
    </rPh>
    <phoneticPr fontId="1"/>
  </si>
  <si>
    <t>243-0201</t>
  </si>
  <si>
    <t>250-0012</t>
  </si>
  <si>
    <t>(株)ＴＳＣ</t>
    <rPh sb="0" eb="3">
      <t>カブ</t>
    </rPh>
    <phoneticPr fontId="1"/>
  </si>
  <si>
    <t>252-0804</t>
  </si>
  <si>
    <t>(株)アットロジ　茅ヶ崎支店</t>
    <rPh sb="0" eb="3">
      <t>カブシキガイシャ</t>
    </rPh>
    <rPh sb="9" eb="12">
      <t>チガサキ</t>
    </rPh>
    <rPh sb="12" eb="14">
      <t>シテン</t>
    </rPh>
    <phoneticPr fontId="1"/>
  </si>
  <si>
    <t>0467-54-6660</t>
  </si>
  <si>
    <t>253-0041</t>
  </si>
  <si>
    <t>茅ケ崎市茅ケ崎233番地５</t>
    <rPh sb="0" eb="4">
      <t>チガサキシ</t>
    </rPh>
    <rPh sb="4" eb="7">
      <t>チガサキ</t>
    </rPh>
    <rPh sb="10" eb="12">
      <t>バンチ</t>
    </rPh>
    <phoneticPr fontId="1"/>
  </si>
  <si>
    <t>250-0011</t>
  </si>
  <si>
    <t>046-884-4737</t>
  </si>
  <si>
    <t>239-0836</t>
  </si>
  <si>
    <t>横須賀市内川一丁目２番21号</t>
    <rPh sb="0" eb="4">
      <t>ヨコスカシ</t>
    </rPh>
    <rPh sb="4" eb="6">
      <t>ウチカワ</t>
    </rPh>
    <rPh sb="6" eb="9">
      <t>イッチョウメ</t>
    </rPh>
    <rPh sb="10" eb="11">
      <t>バン</t>
    </rPh>
    <rPh sb="13" eb="14">
      <t>ゴウ</t>
    </rPh>
    <phoneticPr fontId="1"/>
  </si>
  <si>
    <t>(0463)96-6464</t>
  </si>
  <si>
    <t>伊勢原市石田３０７－１</t>
    <rPh sb="0" eb="4">
      <t>イセハラシ</t>
    </rPh>
    <rPh sb="4" eb="6">
      <t>イシダ</t>
    </rPh>
    <phoneticPr fontId="1"/>
  </si>
  <si>
    <t>(株)三共消毒　大和営業所</t>
  </si>
  <si>
    <t>242-0018</t>
  </si>
  <si>
    <t>大和市深見西２丁目１番５号</t>
  </si>
  <si>
    <t>249-0005</t>
  </si>
  <si>
    <t>(046)220-0155</t>
  </si>
  <si>
    <t>254-0041</t>
  </si>
  <si>
    <t xml:space="preserve"> </t>
  </si>
  <si>
    <t>(0465)36-2684</t>
  </si>
  <si>
    <t>250-0866</t>
  </si>
  <si>
    <t>小田原市中曽根９２－６</t>
  </si>
  <si>
    <t>(株)サンエーサンクス</t>
  </si>
  <si>
    <t>(0467)75-2111</t>
  </si>
  <si>
    <t>253-0101</t>
  </si>
  <si>
    <t>(株)オービーエム管財</t>
  </si>
  <si>
    <t>(0465)23-4038</t>
  </si>
  <si>
    <t>(株)北青サービス</t>
  </si>
  <si>
    <t>(株)サンエーヒラツカ</t>
  </si>
  <si>
    <t>(株)東海ビルメンテナス</t>
  </si>
  <si>
    <t>(株)湘南美装</t>
  </si>
  <si>
    <t>(0463)22-1494</t>
  </si>
  <si>
    <t>254-0811</t>
  </si>
  <si>
    <t>254-0026</t>
  </si>
  <si>
    <t>(株)東幸　湘南営業所</t>
  </si>
  <si>
    <t>(0466)23-0325</t>
  </si>
  <si>
    <t>251-0024</t>
  </si>
  <si>
    <t>250-0002</t>
  </si>
  <si>
    <t>(株)朝日美装</t>
  </si>
  <si>
    <t>(046)222-2555</t>
  </si>
  <si>
    <t>243-0814</t>
  </si>
  <si>
    <t>(株)郵生</t>
  </si>
  <si>
    <t>(0463)33-3108</t>
  </si>
  <si>
    <t>254-0014</t>
  </si>
  <si>
    <t>(株)ダイイチ美装社</t>
  </si>
  <si>
    <t>(0463)32-1206</t>
  </si>
  <si>
    <t>(株)大興</t>
  </si>
  <si>
    <t>(046)836-7793</t>
  </si>
  <si>
    <t>239-0807</t>
  </si>
  <si>
    <t>254-0901</t>
  </si>
  <si>
    <t>252-0021</t>
  </si>
  <si>
    <t>(株)トーヨーテクノ</t>
  </si>
  <si>
    <t>(0467)53-4895</t>
  </si>
  <si>
    <t>253-0082</t>
  </si>
  <si>
    <t>(株)綜合サービス</t>
  </si>
  <si>
    <t>(0463)23-6861</t>
  </si>
  <si>
    <t>254-0807</t>
  </si>
  <si>
    <t>(0463)21-3968</t>
  </si>
  <si>
    <t>寒川町倉見９６８番地１</t>
    <rPh sb="8" eb="10">
      <t>バンチ</t>
    </rPh>
    <phoneticPr fontId="1"/>
  </si>
  <si>
    <t>茅ヶ崎市香川二丁目20番14号</t>
    <rPh sb="6" eb="9">
      <t>２チョウメ</t>
    </rPh>
    <rPh sb="11" eb="12">
      <t>バン</t>
    </rPh>
    <rPh sb="14" eb="15">
      <t>ゴウ</t>
    </rPh>
    <phoneticPr fontId="1"/>
  </si>
  <si>
    <t>254-0045</t>
  </si>
  <si>
    <t>フロンティア１(株)</t>
    <rPh sb="7" eb="10">
      <t>カブ</t>
    </rPh>
    <phoneticPr fontId="1"/>
  </si>
  <si>
    <t>小田原市寿町１－１－12</t>
    <rPh sb="0" eb="4">
      <t>オダワラシ</t>
    </rPh>
    <rPh sb="4" eb="6">
      <t>コトブキチョウ</t>
    </rPh>
    <phoneticPr fontId="1"/>
  </si>
  <si>
    <t>253-0113</t>
  </si>
  <si>
    <t>建築物ねずみ昆虫等防除業　７号登録</t>
  </si>
  <si>
    <t>神奈川県元防第８号</t>
    <rPh sb="0" eb="3">
      <t>カナガワ</t>
    </rPh>
    <rPh sb="3" eb="4">
      <t>ケン</t>
    </rPh>
    <rPh sb="4" eb="5">
      <t>ゲン</t>
    </rPh>
    <rPh sb="5" eb="6">
      <t>ボウ</t>
    </rPh>
    <rPh sb="6" eb="7">
      <t>ダイ</t>
    </rPh>
    <rPh sb="8" eb="9">
      <t>ゴウ</t>
    </rPh>
    <phoneticPr fontId="1"/>
  </si>
  <si>
    <t>(有)三栄消毒</t>
    <rPh sb="3" eb="5">
      <t>サンエイ</t>
    </rPh>
    <rPh sb="5" eb="7">
      <t>ショウドク</t>
    </rPh>
    <phoneticPr fontId="1"/>
  </si>
  <si>
    <t>（046）856-6491</t>
  </si>
  <si>
    <t>240-0105</t>
  </si>
  <si>
    <t>横須賀市武三丁目５番17号</t>
    <rPh sb="0" eb="4">
      <t>ヨコスカシ</t>
    </rPh>
    <rPh sb="4" eb="5">
      <t>タケ</t>
    </rPh>
    <rPh sb="5" eb="8">
      <t>サンチョウメ</t>
    </rPh>
    <rPh sb="9" eb="10">
      <t>バン</t>
    </rPh>
    <rPh sb="12" eb="13">
      <t>ゴウ</t>
    </rPh>
    <phoneticPr fontId="1"/>
  </si>
  <si>
    <t>神奈川県元防第９号</t>
  </si>
  <si>
    <t>神奈川県２防第８号</t>
  </si>
  <si>
    <t>(有)朝日消毒</t>
  </si>
  <si>
    <t>(0463)34-3145</t>
  </si>
  <si>
    <t>平塚市西真土一丁目２番６２号</t>
  </si>
  <si>
    <t>神奈川県２防第21号</t>
  </si>
  <si>
    <t>平塚市浅間町７番１６号</t>
  </si>
  <si>
    <t>神奈川県２防第23号</t>
  </si>
  <si>
    <t>(有)小田原消毒</t>
  </si>
  <si>
    <t>(0465)36-1652</t>
  </si>
  <si>
    <t>小田原市成田４４５－２</t>
    <rPh sb="4" eb="6">
      <t>ナリタ</t>
    </rPh>
    <phoneticPr fontId="1"/>
  </si>
  <si>
    <t>神奈川県２防第28号</t>
  </si>
  <si>
    <t>(株)帝装化成小田原営業所</t>
  </si>
  <si>
    <t>(0465)22-5525</t>
  </si>
  <si>
    <t>250-0035</t>
  </si>
  <si>
    <t>小田原市南板橋２－２５３－１ウエムラ・コーポ１Ｆ</t>
    <rPh sb="4" eb="7">
      <t>ミナミイタバシ</t>
    </rPh>
    <phoneticPr fontId="1"/>
  </si>
  <si>
    <t>神奈川県２防第31号</t>
  </si>
  <si>
    <t>平塚市代官町１９番１４号</t>
  </si>
  <si>
    <t>神奈川県２防第32号</t>
  </si>
  <si>
    <t>三幸(株)　南関東支店</t>
  </si>
  <si>
    <t>（046）222-5476</t>
  </si>
  <si>
    <t>厚木市中町四丁目1番10号朝日生命厚木ビル４階</t>
    <rPh sb="5" eb="6">
      <t>ヨン</t>
    </rPh>
    <phoneticPr fontId="1"/>
  </si>
  <si>
    <t>神奈川県２防第33号</t>
  </si>
  <si>
    <t>タイガー消毒(株)</t>
  </si>
  <si>
    <t>(046)222-3813</t>
  </si>
  <si>
    <t>厚木市戸室５丁目２７番３３号</t>
  </si>
  <si>
    <t>神奈川県２防第38号</t>
  </si>
  <si>
    <t>日本消毒(株)</t>
  </si>
  <si>
    <t>(0463)24-6474</t>
  </si>
  <si>
    <t>平塚市四之宮二丁目６番25号</t>
  </si>
  <si>
    <t>神奈川県２防第39号</t>
  </si>
  <si>
    <t>イカリ消毒(株)　厚木営業所</t>
  </si>
  <si>
    <t>神奈川県２防第41号</t>
  </si>
  <si>
    <t>(0465)23-4116</t>
  </si>
  <si>
    <t>小田原市本町一丁目13番６号</t>
  </si>
  <si>
    <t>神奈川県２防第57号</t>
  </si>
  <si>
    <t>横須賀市浦郷町四丁目１２番地</t>
    <rPh sb="0" eb="4">
      <t>ヨコスカシ</t>
    </rPh>
    <rPh sb="7" eb="10">
      <t>４チョウメ</t>
    </rPh>
    <rPh sb="12" eb="14">
      <t>バンチ</t>
    </rPh>
    <phoneticPr fontId="1"/>
  </si>
  <si>
    <t>神奈川県２防第61号</t>
  </si>
  <si>
    <t>(株)三和消毒</t>
  </si>
  <si>
    <t>(0465)34-3395</t>
  </si>
  <si>
    <t>250-0055</t>
  </si>
  <si>
    <t>小田原市久野８５１－４</t>
  </si>
  <si>
    <t>神奈川県３防第15号</t>
  </si>
  <si>
    <t>(株)リンレイサービス神奈川支店</t>
    <rPh sb="0" eb="3">
      <t>カブ</t>
    </rPh>
    <rPh sb="11" eb="14">
      <t>カナガワ</t>
    </rPh>
    <rPh sb="14" eb="16">
      <t>シテン</t>
    </rPh>
    <phoneticPr fontId="1"/>
  </si>
  <si>
    <t>平塚市八重咲町７番28号</t>
    <rPh sb="8" eb="9">
      <t>バン</t>
    </rPh>
    <rPh sb="11" eb="12">
      <t>ゴウ</t>
    </rPh>
    <phoneticPr fontId="1"/>
  </si>
  <si>
    <t>神奈川県３防第16号</t>
  </si>
  <si>
    <t>藤沢市鵠沼橘一丁目１番４号砂川ﾋﾞﾙ５階</t>
    <rPh sb="6" eb="9">
      <t>イッチョウメ</t>
    </rPh>
    <rPh sb="10" eb="11">
      <t>バン</t>
    </rPh>
    <rPh sb="12" eb="13">
      <t>ゴウ</t>
    </rPh>
    <rPh sb="19" eb="20">
      <t>カイ</t>
    </rPh>
    <phoneticPr fontId="1"/>
  </si>
  <si>
    <t>神奈川県３防第17号</t>
  </si>
  <si>
    <t>マツク(有)</t>
  </si>
  <si>
    <t>(046)223-4537</t>
  </si>
  <si>
    <t>厚木市妻田南１－１１－３０</t>
  </si>
  <si>
    <t>神奈川県３防第19号</t>
  </si>
  <si>
    <t>イカリ消毒(株)　藤沢営業所</t>
  </si>
  <si>
    <t>(0466)84-0810</t>
  </si>
  <si>
    <t>251-0872</t>
  </si>
  <si>
    <t>藤沢市立石三丁目3242番地</t>
    <rPh sb="0" eb="3">
      <t>フジサワシ</t>
    </rPh>
    <rPh sb="3" eb="5">
      <t>タテイシ</t>
    </rPh>
    <rPh sb="5" eb="8">
      <t>サンチョウメ</t>
    </rPh>
    <rPh sb="12" eb="14">
      <t>バンチ</t>
    </rPh>
    <phoneticPr fontId="1"/>
  </si>
  <si>
    <t>神奈川県３防第29号</t>
  </si>
  <si>
    <t>(有)関東消毒</t>
  </si>
  <si>
    <t>(0465)82-0018</t>
  </si>
  <si>
    <t>258-0021</t>
  </si>
  <si>
    <t>開成町吉田島３１３３</t>
  </si>
  <si>
    <t>神奈川県５防第３号</t>
  </si>
  <si>
    <t>厚木市妻田南一丁目17番54号</t>
  </si>
  <si>
    <t>神奈川県６防第２号</t>
  </si>
  <si>
    <t>(有)神奈川消毒</t>
  </si>
  <si>
    <t>(0463)55-3572</t>
  </si>
  <si>
    <t>254-0012</t>
  </si>
  <si>
    <t>平塚市大神二丁目12番50号</t>
    <rPh sb="5" eb="8">
      <t>ニチョウメ</t>
    </rPh>
    <rPh sb="10" eb="11">
      <t>バン</t>
    </rPh>
    <rPh sb="13" eb="14">
      <t>ゴウ</t>
    </rPh>
    <phoneticPr fontId="1"/>
  </si>
  <si>
    <t>神奈川県６防第８号</t>
  </si>
  <si>
    <t>平塚市四之宮一丁目２番30号</t>
  </si>
  <si>
    <t>神奈川県８防第４号</t>
  </si>
  <si>
    <t>(0463)55-9666</t>
  </si>
  <si>
    <t>平塚市四之宮四丁目20番19号</t>
    <rPh sb="3" eb="6">
      <t>シノミヤ</t>
    </rPh>
    <rPh sb="6" eb="7">
      <t>４</t>
    </rPh>
    <rPh sb="7" eb="9">
      <t>チョウメ</t>
    </rPh>
    <rPh sb="11" eb="12">
      <t>バン</t>
    </rPh>
    <rPh sb="14" eb="15">
      <t>ゴウ</t>
    </rPh>
    <phoneticPr fontId="1"/>
  </si>
  <si>
    <t>神奈川県９防第６号</t>
  </si>
  <si>
    <t>神奈川県９防第９号</t>
  </si>
  <si>
    <t>山王総合(株)</t>
  </si>
  <si>
    <t>（046）204-4175</t>
  </si>
  <si>
    <t>厚木市戸室１－７－12</t>
  </si>
  <si>
    <t>神奈川県10防第２号</t>
  </si>
  <si>
    <t>(株)FCC</t>
  </si>
  <si>
    <t>(0466)31-3164</t>
  </si>
  <si>
    <t>藤沢市辻堂元町四丁目３番３２号</t>
    <rPh sb="7" eb="10">
      <t>４チョウメ</t>
    </rPh>
    <rPh sb="11" eb="12">
      <t>バン</t>
    </rPh>
    <rPh sb="14" eb="15">
      <t>ゴウ</t>
    </rPh>
    <phoneticPr fontId="1"/>
  </si>
  <si>
    <t>神奈川県11防第11号</t>
  </si>
  <si>
    <t>(株)湘南オービーディー・サービス</t>
  </si>
  <si>
    <t>(046)857-7333</t>
  </si>
  <si>
    <t>238-0315</t>
  </si>
  <si>
    <t>横須賀市林二丁目10番26号</t>
    <rPh sb="5" eb="8">
      <t>ニチョウメ</t>
    </rPh>
    <rPh sb="10" eb="11">
      <t>バン</t>
    </rPh>
    <rPh sb="13" eb="14">
      <t>ゴウ</t>
    </rPh>
    <phoneticPr fontId="1"/>
  </si>
  <si>
    <t>神奈川県12防第６号</t>
  </si>
  <si>
    <t>(有)ヒートアップ</t>
  </si>
  <si>
    <t>(046)849-3387</t>
  </si>
  <si>
    <t>239-0841</t>
  </si>
  <si>
    <t>横須賀市野比二丁目２番40号</t>
    <rPh sb="6" eb="9">
      <t>ニチョウメ</t>
    </rPh>
    <rPh sb="10" eb="11">
      <t>バン</t>
    </rPh>
    <rPh sb="13" eb="14">
      <t>ゴウ</t>
    </rPh>
    <phoneticPr fontId="1"/>
  </si>
  <si>
    <t>神奈川県13防第９号</t>
  </si>
  <si>
    <t>小田原市風祭７２番地１</t>
    <rPh sb="8" eb="10">
      <t>バンチ</t>
    </rPh>
    <phoneticPr fontId="1"/>
  </si>
  <si>
    <t>神奈川県14防第６号</t>
  </si>
  <si>
    <t>(株)ビルメンテナンス湘南リコー</t>
  </si>
  <si>
    <t>(0466)46-0008</t>
  </si>
  <si>
    <t>藤沢市湘南台一丁目６番７号</t>
    <rPh sb="6" eb="9">
      <t>イッチョウメ</t>
    </rPh>
    <rPh sb="10" eb="11">
      <t>バン</t>
    </rPh>
    <rPh sb="12" eb="13">
      <t>ゴウ</t>
    </rPh>
    <phoneticPr fontId="1"/>
  </si>
  <si>
    <t>神奈川県14防第７号</t>
  </si>
  <si>
    <t>渋沢ヘルパー</t>
  </si>
  <si>
    <t>(0463)87-2630</t>
  </si>
  <si>
    <t>257-0031</t>
  </si>
  <si>
    <t>秦野市曽屋4044－６</t>
    <rPh sb="3" eb="5">
      <t>ソヤ</t>
    </rPh>
    <phoneticPr fontId="1"/>
  </si>
  <si>
    <t>神奈川県16防第１号</t>
  </si>
  <si>
    <t>和光商事(株)</t>
  </si>
  <si>
    <t>(046)241-1203</t>
  </si>
  <si>
    <t>厚木市上荻野２８５番地の１</t>
    <rPh sb="9" eb="11">
      <t>バンチ</t>
    </rPh>
    <phoneticPr fontId="1"/>
  </si>
  <si>
    <t>神奈川県16防第６号</t>
  </si>
  <si>
    <t>神奈川県17防第１号</t>
  </si>
  <si>
    <t>横須賀市佐原二丁目１番10号</t>
    <rPh sb="4" eb="6">
      <t>サハラ</t>
    </rPh>
    <rPh sb="6" eb="7">
      <t>ニ</t>
    </rPh>
    <rPh sb="7" eb="9">
      <t>チョウメ</t>
    </rPh>
    <rPh sb="10" eb="11">
      <t>バン</t>
    </rPh>
    <rPh sb="13" eb="14">
      <t>ゴウ</t>
    </rPh>
    <phoneticPr fontId="1"/>
  </si>
  <si>
    <t>神奈川県18防第７号</t>
  </si>
  <si>
    <t>（046）262-2741</t>
  </si>
  <si>
    <t>神奈川県19防第４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エツミ企画</t>
    <rPh sb="3" eb="5">
      <t>キカク</t>
    </rPh>
    <phoneticPr fontId="1"/>
  </si>
  <si>
    <t>(046７)74-3056</t>
  </si>
  <si>
    <t>高座郡寒川町一之宮７－４Ｃ－１０４</t>
    <rPh sb="0" eb="2">
      <t>コウザ</t>
    </rPh>
    <rPh sb="2" eb="3">
      <t>グン</t>
    </rPh>
    <rPh sb="6" eb="9">
      <t>イチノミヤ</t>
    </rPh>
    <phoneticPr fontId="1"/>
  </si>
  <si>
    <t>神奈川県19防第５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シー・アイ・シー　小田原営業所</t>
    <rPh sb="12" eb="15">
      <t>オダワラ</t>
    </rPh>
    <rPh sb="15" eb="18">
      <t>エイギョウショ</t>
    </rPh>
    <phoneticPr fontId="1"/>
  </si>
  <si>
    <t>(0465)31-1021</t>
  </si>
  <si>
    <t>250-0001</t>
  </si>
  <si>
    <t>小田原市扇町５－１１－１２</t>
    <rPh sb="0" eb="4">
      <t>オダワラシ</t>
    </rPh>
    <rPh sb="4" eb="6">
      <t>オウギマチ</t>
    </rPh>
    <phoneticPr fontId="1"/>
  </si>
  <si>
    <t>神奈川県20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トップ・サービス</t>
  </si>
  <si>
    <t>（046）882-0189</t>
  </si>
  <si>
    <t>238-0243</t>
  </si>
  <si>
    <t>三浦市三崎１－２－１７</t>
    <rPh sb="0" eb="3">
      <t>ミウラシ</t>
    </rPh>
    <rPh sb="3" eb="5">
      <t>ミサキ</t>
    </rPh>
    <phoneticPr fontId="1"/>
  </si>
  <si>
    <t>神奈川県21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日装</t>
    <rPh sb="3" eb="4">
      <t>ヒ</t>
    </rPh>
    <rPh sb="4" eb="5">
      <t>ソウ</t>
    </rPh>
    <phoneticPr fontId="1"/>
  </si>
  <si>
    <t>(0463)34-4239</t>
  </si>
  <si>
    <t>平塚市纒208番地</t>
    <rPh sb="0" eb="3">
      <t>ヒラツカシ</t>
    </rPh>
    <rPh sb="7" eb="9">
      <t>バンチ</t>
    </rPh>
    <phoneticPr fontId="1"/>
  </si>
  <si>
    <t>神奈川県22防第２号</t>
  </si>
  <si>
    <t>(株)ジー・エフ・シー</t>
    <rPh sb="0" eb="3">
      <t>カブシキガイシャ</t>
    </rPh>
    <phoneticPr fontId="1"/>
  </si>
  <si>
    <t>(046)870-6925</t>
  </si>
  <si>
    <t>逗子市桜山４－６－１３</t>
    <rPh sb="0" eb="3">
      <t>ズシシ</t>
    </rPh>
    <rPh sb="3" eb="5">
      <t>サクラヤマ</t>
    </rPh>
    <phoneticPr fontId="1"/>
  </si>
  <si>
    <t>神奈川県22防第３号</t>
  </si>
  <si>
    <t>相模環境(株)</t>
    <rPh sb="0" eb="2">
      <t>サガミ</t>
    </rPh>
    <rPh sb="2" eb="4">
      <t>カンキョウ</t>
    </rPh>
    <rPh sb="4" eb="7">
      <t>カブシキガイシャ</t>
    </rPh>
    <phoneticPr fontId="1"/>
  </si>
  <si>
    <t>(046)232-9664</t>
  </si>
  <si>
    <t>243-0405</t>
  </si>
  <si>
    <t>海老名市国分南二丁目２番34号</t>
    <rPh sb="0" eb="4">
      <t>エビナシ</t>
    </rPh>
    <rPh sb="4" eb="6">
      <t>コクブン</t>
    </rPh>
    <rPh sb="6" eb="7">
      <t>ミナミ</t>
    </rPh>
    <rPh sb="7" eb="8">
      <t>フタ</t>
    </rPh>
    <rPh sb="8" eb="10">
      <t>チョウメ</t>
    </rPh>
    <rPh sb="11" eb="12">
      <t>バン</t>
    </rPh>
    <rPh sb="14" eb="15">
      <t>ゴウ</t>
    </rPh>
    <phoneticPr fontId="1"/>
  </si>
  <si>
    <t>神奈川県23防第１号</t>
  </si>
  <si>
    <t>平塚市八重咲町２番２号シーホース湘南ビル４階</t>
    <rPh sb="8" eb="9">
      <t>バン</t>
    </rPh>
    <rPh sb="10" eb="11">
      <t>ゴウ</t>
    </rPh>
    <rPh sb="16" eb="18">
      <t>ショウナン</t>
    </rPh>
    <rPh sb="21" eb="22">
      <t>カイ</t>
    </rPh>
    <phoneticPr fontId="1"/>
  </si>
  <si>
    <t>神奈川県24防第１号</t>
  </si>
  <si>
    <t>ダスキン雪ノ下ターミニックス</t>
    <rPh sb="4" eb="5">
      <t>ユキ</t>
    </rPh>
    <rPh sb="6" eb="7">
      <t>シタ</t>
    </rPh>
    <phoneticPr fontId="1"/>
  </si>
  <si>
    <t>(0467)24-1432</t>
  </si>
  <si>
    <t>249-0008</t>
  </si>
  <si>
    <t>逗子市小坪１丁目1270番地３</t>
    <rPh sb="0" eb="3">
      <t>ズシシ</t>
    </rPh>
    <rPh sb="3" eb="5">
      <t>コツボ</t>
    </rPh>
    <rPh sb="6" eb="8">
      <t>チョウメ</t>
    </rPh>
    <rPh sb="12" eb="14">
      <t>バンチ</t>
    </rPh>
    <phoneticPr fontId="1"/>
  </si>
  <si>
    <t>神奈川県25防第１号</t>
  </si>
  <si>
    <t>(株)三共衛生センター</t>
    <rPh sb="1" eb="2">
      <t>カブ</t>
    </rPh>
    <rPh sb="3" eb="5">
      <t>サンキョウ</t>
    </rPh>
    <rPh sb="5" eb="7">
      <t>エイセイ</t>
    </rPh>
    <phoneticPr fontId="1"/>
  </si>
  <si>
    <t>(046)830-5455</t>
  </si>
  <si>
    <t>239-0808</t>
  </si>
  <si>
    <t>横須賀市大津町四丁目８番５号</t>
    <rPh sb="0" eb="4">
      <t>ヨコスカシ</t>
    </rPh>
    <rPh sb="4" eb="7">
      <t>オオツチョウ</t>
    </rPh>
    <rPh sb="7" eb="10">
      <t>ヨンチョウメ</t>
    </rPh>
    <rPh sb="11" eb="12">
      <t>バン</t>
    </rPh>
    <rPh sb="13" eb="14">
      <t>ゴウ</t>
    </rPh>
    <phoneticPr fontId="1"/>
  </si>
  <si>
    <t>神奈川県25防第２号</t>
  </si>
  <si>
    <t>(有)ピー・ジー・エル・ジャパン</t>
    <rPh sb="1" eb="2">
      <t>ユウ</t>
    </rPh>
    <phoneticPr fontId="1"/>
  </si>
  <si>
    <t>(0463)22-5678</t>
  </si>
  <si>
    <t>平塚市中堂１－15</t>
    <rPh sb="0" eb="2">
      <t>ヒラツカ</t>
    </rPh>
    <rPh sb="2" eb="3">
      <t>シ</t>
    </rPh>
    <rPh sb="3" eb="5">
      <t>ナカドウ</t>
    </rPh>
    <phoneticPr fontId="1"/>
  </si>
  <si>
    <t>神奈川県26防第２号</t>
  </si>
  <si>
    <t>(株)FHS</t>
    <rPh sb="0" eb="3">
      <t>カブ</t>
    </rPh>
    <phoneticPr fontId="1"/>
  </si>
  <si>
    <t>（0467）39-5933</t>
  </si>
  <si>
    <t>247-0071</t>
  </si>
  <si>
    <t>鎌倉市玉縄４－４－６　石川ビル２０１</t>
    <rPh sb="0" eb="3">
      <t>カマクラシ</t>
    </rPh>
    <rPh sb="3" eb="5">
      <t>タマナワ</t>
    </rPh>
    <rPh sb="11" eb="13">
      <t>イシカワ</t>
    </rPh>
    <phoneticPr fontId="1"/>
  </si>
  <si>
    <t>神奈川県28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ワメイ</t>
    <rPh sb="0" eb="3">
      <t>カブシキガイシャ</t>
    </rPh>
    <phoneticPr fontId="1"/>
  </si>
  <si>
    <t>（0467）77-1820</t>
  </si>
  <si>
    <t>252-1113</t>
  </si>
  <si>
    <t>綾瀬市上土棚中二丁目１番39号</t>
    <rPh sb="0" eb="3">
      <t>アヤセシ</t>
    </rPh>
    <rPh sb="3" eb="6">
      <t>カミツチダナ</t>
    </rPh>
    <rPh sb="6" eb="7">
      <t>ナカ</t>
    </rPh>
    <rPh sb="7" eb="10">
      <t>２チョウメ</t>
    </rPh>
    <rPh sb="11" eb="12">
      <t>バン</t>
    </rPh>
    <rPh sb="14" eb="15">
      <t>ゴウ</t>
    </rPh>
    <phoneticPr fontId="1"/>
  </si>
  <si>
    <t>神奈川県28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武翔総合管理　平塚支店</t>
    <rPh sb="1" eb="2">
      <t>カブ</t>
    </rPh>
    <rPh sb="3" eb="4">
      <t>タケ</t>
    </rPh>
    <rPh sb="4" eb="5">
      <t>ショウ</t>
    </rPh>
    <rPh sb="5" eb="7">
      <t>ソウゴウ</t>
    </rPh>
    <rPh sb="7" eb="9">
      <t>カンリ</t>
    </rPh>
    <rPh sb="10" eb="12">
      <t>ヒラツカ</t>
    </rPh>
    <rPh sb="12" eb="14">
      <t>シテン</t>
    </rPh>
    <phoneticPr fontId="1"/>
  </si>
  <si>
    <t>(0463)33-7516</t>
  </si>
  <si>
    <t>254-0063</t>
  </si>
  <si>
    <t>平塚市諏訪町２４－１１　ぱーくさいど伊勢１０２</t>
    <rPh sb="0" eb="3">
      <t>ヒラツカシ</t>
    </rPh>
    <rPh sb="3" eb="6">
      <t>スワチョウ</t>
    </rPh>
    <rPh sb="18" eb="20">
      <t>イセ</t>
    </rPh>
    <phoneticPr fontId="1"/>
  </si>
  <si>
    <t>神奈川県28防第３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シー・アイ・シー　厚木営業所</t>
    <rPh sb="0" eb="3">
      <t>カブ</t>
    </rPh>
    <rPh sb="12" eb="14">
      <t>アツギ</t>
    </rPh>
    <rPh sb="14" eb="17">
      <t>エイギョウショ</t>
    </rPh>
    <phoneticPr fontId="1"/>
  </si>
  <si>
    <t>厚木市岡田５－２０－１９</t>
  </si>
  <si>
    <t>神奈川県28防第４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ジンダイ　平塚支店</t>
    <rPh sb="1" eb="2">
      <t>カブ</t>
    </rPh>
    <rPh sb="8" eb="10">
      <t>ヒラツカ</t>
    </rPh>
    <rPh sb="10" eb="12">
      <t>シテン</t>
    </rPh>
    <phoneticPr fontId="1"/>
  </si>
  <si>
    <t>(0463)71-5105</t>
  </si>
  <si>
    <t>平塚市見附町４６－３１－２１４</t>
    <rPh sb="0" eb="3">
      <t>ヒラツカシ</t>
    </rPh>
    <rPh sb="3" eb="6">
      <t>ミツケチョウ</t>
    </rPh>
    <phoneticPr fontId="1"/>
  </si>
  <si>
    <t>神奈川県29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美装フジモト</t>
    <rPh sb="1" eb="2">
      <t>カブ</t>
    </rPh>
    <rPh sb="3" eb="5">
      <t>ビソウ</t>
    </rPh>
    <phoneticPr fontId="1"/>
  </si>
  <si>
    <t>神奈川県29防第３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シー・アイー・シー　湘南営業所</t>
    <rPh sb="0" eb="3">
      <t>カブ</t>
    </rPh>
    <phoneticPr fontId="1"/>
  </si>
  <si>
    <t>(0463)25-1566</t>
  </si>
  <si>
    <t>平塚市中堂２－７</t>
  </si>
  <si>
    <t>神奈川県30防第３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コスコ</t>
    <rPh sb="1" eb="2">
      <t>カブ</t>
    </rPh>
    <phoneticPr fontId="1"/>
  </si>
  <si>
    <t>046-259-6412</t>
  </si>
  <si>
    <t>神奈川県R2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創伸</t>
    <rPh sb="0" eb="3">
      <t>カブ</t>
    </rPh>
    <rPh sb="3" eb="4">
      <t>ツクル</t>
    </rPh>
    <rPh sb="4" eb="5">
      <t>ノ</t>
    </rPh>
    <phoneticPr fontId="1"/>
  </si>
  <si>
    <t>0465-22-8923</t>
  </si>
  <si>
    <t>250-0021</t>
  </si>
  <si>
    <t>小田原市早川２－12－13</t>
    <rPh sb="0" eb="4">
      <t>オダワラシ</t>
    </rPh>
    <rPh sb="4" eb="6">
      <t>ハヤカワ</t>
    </rPh>
    <phoneticPr fontId="1"/>
  </si>
  <si>
    <t>神奈川県R2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0465-35-2038</t>
  </si>
  <si>
    <t>神奈川県R2防第３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0463)32-8491</t>
  </si>
  <si>
    <t>平塚市平塚四丁目32番15号</t>
    <rPh sb="5" eb="6">
      <t>ヨン</t>
    </rPh>
    <rPh sb="6" eb="8">
      <t>チョウメ</t>
    </rPh>
    <rPh sb="10" eb="11">
      <t>バン</t>
    </rPh>
    <rPh sb="13" eb="14">
      <t>ゴウ</t>
    </rPh>
    <phoneticPr fontId="1"/>
  </si>
  <si>
    <t>神奈川県R2防第４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アッシュ</t>
    <rPh sb="0" eb="3">
      <t>カブ</t>
    </rPh>
    <phoneticPr fontId="1"/>
  </si>
  <si>
    <t>(0467)81-3125</t>
  </si>
  <si>
    <t>253-0103</t>
  </si>
  <si>
    <t>高座郡寒川町小谷一丁目４番３号</t>
    <rPh sb="0" eb="2">
      <t>コウザ</t>
    </rPh>
    <rPh sb="2" eb="3">
      <t>グン</t>
    </rPh>
    <rPh sb="3" eb="6">
      <t>サムカワマチ</t>
    </rPh>
    <rPh sb="6" eb="8">
      <t>コタニ</t>
    </rPh>
    <rPh sb="8" eb="11">
      <t>イッチョウメ</t>
    </rPh>
    <rPh sb="12" eb="13">
      <t>バン</t>
    </rPh>
    <rPh sb="14" eb="15">
      <t>ゴウ</t>
    </rPh>
    <phoneticPr fontId="1"/>
  </si>
  <si>
    <t>神奈川県R2防第５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有)ソーケンテック</t>
    <rPh sb="0" eb="3">
      <t>ユウ</t>
    </rPh>
    <phoneticPr fontId="1"/>
  </si>
  <si>
    <t>（0465）46-7427</t>
  </si>
  <si>
    <t>小田原市栄町１丁目14番48号 ジャンボーナックビル９階</t>
  </si>
  <si>
    <t>神奈川県R2防第６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（0467）72-5971</t>
  </si>
  <si>
    <t>神奈川県R2防第７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046)224-5766</t>
  </si>
  <si>
    <t>厚木市元町18－21　レジデンス白鳥1－B</t>
  </si>
  <si>
    <t>神奈川県R3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中日本防除サービス(株)</t>
    <rPh sb="0" eb="3">
      <t>ナカニホン</t>
    </rPh>
    <rPh sb="3" eb="5">
      <t>ボウジョ</t>
    </rPh>
    <rPh sb="9" eb="12">
      <t>カブ</t>
    </rPh>
    <phoneticPr fontId="1"/>
  </si>
  <si>
    <t>(0463)87-3377</t>
  </si>
  <si>
    <t>259-1312</t>
  </si>
  <si>
    <t>秦野市春日町４－２３</t>
  </si>
  <si>
    <t>神奈川県R3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クリーンエバー消毒</t>
    <rPh sb="0" eb="3">
      <t>カブ</t>
    </rPh>
    <phoneticPr fontId="1"/>
  </si>
  <si>
    <t>(046)404-2760</t>
  </si>
  <si>
    <t>243-0039</t>
  </si>
  <si>
    <t>厚木市温水西二丁目31番16号</t>
    <rPh sb="6" eb="7">
      <t>ニ</t>
    </rPh>
    <phoneticPr fontId="1"/>
  </si>
  <si>
    <t>神奈川県R4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昌永産業（株）ペストコントロール事業部</t>
    <rPh sb="0" eb="2">
      <t>マサナガ</t>
    </rPh>
    <rPh sb="2" eb="4">
      <t>サンギョウ</t>
    </rPh>
    <rPh sb="4" eb="7">
      <t>カブ</t>
    </rPh>
    <phoneticPr fontId="1"/>
  </si>
  <si>
    <t>0465-36-2779</t>
  </si>
  <si>
    <t>250-0853</t>
  </si>
  <si>
    <t>小田原市堀之内180</t>
  </si>
  <si>
    <t>神奈川県R4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健装</t>
  </si>
  <si>
    <t>(0463)50-3518</t>
  </si>
  <si>
    <t>259-1201</t>
  </si>
  <si>
    <t>平塚市南金目324番地の２</t>
    <rPh sb="9" eb="11">
      <t>バンチ</t>
    </rPh>
    <phoneticPr fontId="1"/>
  </si>
  <si>
    <t>神奈川県R5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神奈川県R5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エアー</t>
    <rPh sb="0" eb="3">
      <t>カブシキガイシャ</t>
    </rPh>
    <phoneticPr fontId="1"/>
  </si>
  <si>
    <t>神奈川県R６防第１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大樹サービス</t>
    <rPh sb="3" eb="5">
      <t>タイジュ</t>
    </rPh>
    <phoneticPr fontId="1"/>
  </si>
  <si>
    <t>046-843-0855</t>
  </si>
  <si>
    <t>239-0824</t>
  </si>
  <si>
    <t>横須賀市西浦賀５丁目15番９</t>
    <rPh sb="0" eb="4">
      <t>ヨコスカシ</t>
    </rPh>
    <rPh sb="4" eb="7">
      <t>ニシウラガ</t>
    </rPh>
    <rPh sb="8" eb="10">
      <t>チョウメ</t>
    </rPh>
    <rPh sb="12" eb="13">
      <t>バン</t>
    </rPh>
    <phoneticPr fontId="1"/>
  </si>
  <si>
    <t>神奈川県R６防第２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カインドサービス</t>
    <rPh sb="0" eb="3">
      <t>カブ</t>
    </rPh>
    <phoneticPr fontId="1"/>
  </si>
  <si>
    <t>046-255-5921</t>
  </si>
  <si>
    <t>座間市緑ケ丘４－８－７</t>
  </si>
  <si>
    <t>神奈川県R６防第３号</t>
    <rPh sb="0" eb="4">
      <t>カナガワケン</t>
    </rPh>
    <rPh sb="6" eb="7">
      <t>ボウ</t>
    </rPh>
    <rPh sb="7" eb="8">
      <t>ダイ</t>
    </rPh>
    <rPh sb="9" eb="10">
      <t>ゴウ</t>
    </rPh>
    <phoneticPr fontId="1"/>
  </si>
  <si>
    <t>(株)シー・アイ・シー　大和営業所</t>
  </si>
  <si>
    <t>0466-21-9348</t>
  </si>
  <si>
    <t>252-0802</t>
  </si>
  <si>
    <t>藤沢市高倉838－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99999]####&quot;¥&quot;&quot;¥&quot;\!\!\-####;&quot;¥&quot;&quot;¥&quot;\!\!\(000&quot;¥&quot;&quot;¥&quot;\!\!\)&quot;¥&quot;&quot;¥&quot;\!\!\ ###&quot;¥&quot;&quot;¥&quot;\!\!\-####"/>
    <numFmt numFmtId="177" formatCode="[&lt;=999]000;000&quot;¥&quot;&quot;¥&quot;\!\!\-0000"/>
    <numFmt numFmtId="178" formatCode="[&lt;=99999999]####\-####;\(#000\)###\-####"/>
  </numFmts>
  <fonts count="4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" fillId="0" borderId="0"/>
  </cellStyleXfs>
  <cellXfs count="21">
    <xf numFmtId="0" fontId="0" fillId="0" borderId="0" xfId="0"/>
    <xf numFmtId="0" fontId="1" fillId="0" borderId="0" xfId="0" applyFont="1" applyAlignment="1">
      <alignment horizontal="left" vertical="center"/>
    </xf>
    <xf numFmtId="177" fontId="1" fillId="0" borderId="0" xfId="0" applyNumberFormat="1" applyFont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vertical="center" shrinkToFit="1"/>
    </xf>
    <xf numFmtId="0" fontId="1" fillId="0" borderId="1" xfId="0" applyFont="1" applyBorder="1" applyAlignment="1">
      <alignment vertical="center" wrapText="1" shrinkToFit="1"/>
    </xf>
    <xf numFmtId="178" fontId="1" fillId="0" borderId="1" xfId="0" applyNumberFormat="1" applyFont="1" applyBorder="1" applyAlignment="1">
      <alignment horizontal="center" vertical="center" wrapText="1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176" fontId="1" fillId="0" borderId="0" xfId="0" applyNumberFormat="1" applyFont="1" applyAlignment="1">
      <alignment horizontal="left" vertical="center"/>
    </xf>
    <xf numFmtId="0" fontId="1" fillId="0" borderId="0" xfId="0" applyFont="1"/>
    <xf numFmtId="0" fontId="1" fillId="0" borderId="1" xfId="1" applyFont="1" applyBorder="1" applyAlignment="1">
      <alignment vertical="center" shrinkToFit="1"/>
    </xf>
    <xf numFmtId="0" fontId="1" fillId="0" borderId="3" xfId="1" applyFont="1" applyBorder="1" applyAlignment="1">
      <alignment vertical="center" shrinkToFit="1"/>
    </xf>
    <xf numFmtId="178" fontId="1" fillId="0" borderId="1" xfId="1" applyNumberFormat="1" applyFont="1" applyBorder="1" applyAlignment="1">
      <alignment horizontal="center" vertical="center" shrinkToFit="1"/>
    </xf>
    <xf numFmtId="176" fontId="1" fillId="0" borderId="1" xfId="1" applyNumberFormat="1" applyFont="1" applyBorder="1" applyAlignment="1">
      <alignment horizontal="center" vertical="center" shrinkToFit="1"/>
    </xf>
    <xf numFmtId="0" fontId="1" fillId="0" borderId="2" xfId="1" applyFont="1" applyBorder="1" applyAlignment="1">
      <alignment vertical="center" shrinkToFit="1"/>
    </xf>
  </cellXfs>
  <cellStyles count="2">
    <cellStyle name="標準" xfId="0" builtinId="0"/>
    <cellStyle name="標準_Sheet7" xfId="1" xr:uid="{005C6C38-E127-4204-99AD-0A44ECBDC64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16DE85-1752-44BC-B12D-57FC26CD60D0}">
  <dimension ref="A1:E71"/>
  <sheetViews>
    <sheetView tabSelected="1" topLeftCell="A29" workbookViewId="0">
      <selection activeCell="E11" sqref="E11"/>
    </sheetView>
  </sheetViews>
  <sheetFormatPr defaultColWidth="8.09765625" defaultRowHeight="13.2" x14ac:dyDescent="0.45"/>
  <cols>
    <col min="1" max="1" width="17.69921875" style="9" customWidth="1"/>
    <col min="2" max="2" width="32.69921875" style="9" customWidth="1"/>
    <col min="3" max="3" width="14.296875" style="12" customWidth="1"/>
    <col min="4" max="4" width="8.796875" style="13" customWidth="1"/>
    <col min="5" max="5" width="43.8984375" style="9" customWidth="1"/>
    <col min="6" max="16384" width="8.09765625" style="9"/>
  </cols>
  <sheetData>
    <row r="1" spans="1:5" s="1" customFormat="1" ht="22.5" customHeight="1" x14ac:dyDescent="0.45">
      <c r="A1" s="1" t="s">
        <v>93</v>
      </c>
      <c r="C1" s="14" t="s">
        <v>47</v>
      </c>
      <c r="D1" s="2" t="s">
        <v>47</v>
      </c>
    </row>
    <row r="2" spans="1:5" s="6" customFormat="1" ht="22.5" customHeight="1" x14ac:dyDescent="0.45">
      <c r="A2" s="3" t="s">
        <v>0</v>
      </c>
      <c r="B2" s="3" t="s">
        <v>1</v>
      </c>
      <c r="C2" s="4" t="s">
        <v>2</v>
      </c>
      <c r="D2" s="5" t="s">
        <v>3</v>
      </c>
      <c r="E2" s="3" t="s">
        <v>4</v>
      </c>
    </row>
    <row r="3" spans="1:5" ht="22.5" customHeight="1" x14ac:dyDescent="0.45">
      <c r="A3" s="7" t="s">
        <v>94</v>
      </c>
      <c r="B3" s="7" t="s">
        <v>95</v>
      </c>
      <c r="C3" s="8" t="s">
        <v>96</v>
      </c>
      <c r="D3" s="5" t="s">
        <v>97</v>
      </c>
      <c r="E3" s="7" t="s">
        <v>98</v>
      </c>
    </row>
    <row r="4" spans="1:5" ht="22.5" customHeight="1" x14ac:dyDescent="0.45">
      <c r="A4" s="7" t="s">
        <v>99</v>
      </c>
      <c r="B4" s="7" t="s">
        <v>51</v>
      </c>
      <c r="C4" s="8" t="s">
        <v>52</v>
      </c>
      <c r="D4" s="5" t="s">
        <v>53</v>
      </c>
      <c r="E4" s="7" t="s">
        <v>87</v>
      </c>
    </row>
    <row r="5" spans="1:5" ht="22.5" customHeight="1" x14ac:dyDescent="0.45">
      <c r="A5" s="7" t="s">
        <v>100</v>
      </c>
      <c r="B5" s="7" t="s">
        <v>101</v>
      </c>
      <c r="C5" s="8" t="s">
        <v>102</v>
      </c>
      <c r="D5" s="5" t="s">
        <v>14</v>
      </c>
      <c r="E5" s="7" t="s">
        <v>103</v>
      </c>
    </row>
    <row r="6" spans="1:5" ht="22.5" customHeight="1" x14ac:dyDescent="0.45">
      <c r="A6" s="7" t="s">
        <v>104</v>
      </c>
      <c r="B6" s="7" t="s">
        <v>73</v>
      </c>
      <c r="C6" s="8" t="s">
        <v>74</v>
      </c>
      <c r="D6" s="5" t="s">
        <v>46</v>
      </c>
      <c r="E6" s="7" t="s">
        <v>105</v>
      </c>
    </row>
    <row r="7" spans="1:5" ht="22.5" customHeight="1" x14ac:dyDescent="0.45">
      <c r="A7" s="7" t="s">
        <v>106</v>
      </c>
      <c r="B7" s="7" t="s">
        <v>107</v>
      </c>
      <c r="C7" s="8" t="s">
        <v>108</v>
      </c>
      <c r="D7" s="5" t="s">
        <v>21</v>
      </c>
      <c r="E7" s="7" t="s">
        <v>109</v>
      </c>
    </row>
    <row r="8" spans="1:5" ht="22.5" customHeight="1" x14ac:dyDescent="0.45">
      <c r="A8" s="7" t="s">
        <v>110</v>
      </c>
      <c r="B8" s="7" t="s">
        <v>111</v>
      </c>
      <c r="C8" s="8" t="s">
        <v>112</v>
      </c>
      <c r="D8" s="5" t="s">
        <v>113</v>
      </c>
      <c r="E8" s="7" t="s">
        <v>114</v>
      </c>
    </row>
    <row r="9" spans="1:5" ht="22.5" customHeight="1" x14ac:dyDescent="0.45">
      <c r="A9" s="7" t="s">
        <v>115</v>
      </c>
      <c r="B9" s="7" t="s">
        <v>83</v>
      </c>
      <c r="C9" s="8" t="s">
        <v>84</v>
      </c>
      <c r="D9" s="5" t="s">
        <v>85</v>
      </c>
      <c r="E9" s="7" t="s">
        <v>116</v>
      </c>
    </row>
    <row r="10" spans="1:5" ht="22.5" customHeight="1" x14ac:dyDescent="0.45">
      <c r="A10" s="7" t="s">
        <v>117</v>
      </c>
      <c r="B10" s="7" t="s">
        <v>118</v>
      </c>
      <c r="C10" s="11" t="s">
        <v>119</v>
      </c>
      <c r="D10" s="3" t="s">
        <v>5</v>
      </c>
      <c r="E10" s="7" t="s">
        <v>120</v>
      </c>
    </row>
    <row r="11" spans="1:5" ht="22.5" customHeight="1" x14ac:dyDescent="0.45">
      <c r="A11" s="7" t="s">
        <v>121</v>
      </c>
      <c r="B11" s="7" t="s">
        <v>122</v>
      </c>
      <c r="C11" s="8" t="s">
        <v>123</v>
      </c>
      <c r="D11" s="5" t="s">
        <v>19</v>
      </c>
      <c r="E11" s="7" t="s">
        <v>124</v>
      </c>
    </row>
    <row r="12" spans="1:5" ht="22.5" customHeight="1" x14ac:dyDescent="0.45">
      <c r="A12" s="7" t="s">
        <v>125</v>
      </c>
      <c r="B12" s="7" t="s">
        <v>126</v>
      </c>
      <c r="C12" s="8" t="s">
        <v>127</v>
      </c>
      <c r="D12" s="5" t="s">
        <v>72</v>
      </c>
      <c r="E12" s="7" t="s">
        <v>128</v>
      </c>
    </row>
    <row r="13" spans="1:5" s="15" customFormat="1" ht="26.25" customHeight="1" x14ac:dyDescent="0.2">
      <c r="A13" s="7" t="s">
        <v>129</v>
      </c>
      <c r="B13" s="7" t="s">
        <v>130</v>
      </c>
      <c r="C13" s="4" t="s">
        <v>39</v>
      </c>
      <c r="D13" s="5" t="s">
        <v>8</v>
      </c>
      <c r="E13" s="7" t="s">
        <v>40</v>
      </c>
    </row>
    <row r="14" spans="1:5" ht="22.5" customHeight="1" x14ac:dyDescent="0.45">
      <c r="A14" s="7" t="s">
        <v>131</v>
      </c>
      <c r="B14" s="7" t="s">
        <v>58</v>
      </c>
      <c r="C14" s="8" t="s">
        <v>132</v>
      </c>
      <c r="D14" s="5" t="s">
        <v>28</v>
      </c>
      <c r="E14" s="7" t="s">
        <v>133</v>
      </c>
    </row>
    <row r="15" spans="1:5" ht="22.5" customHeight="1" x14ac:dyDescent="0.45">
      <c r="A15" s="16" t="s">
        <v>134</v>
      </c>
      <c r="B15" s="17" t="s">
        <v>11</v>
      </c>
      <c r="C15" s="18" t="s">
        <v>12</v>
      </c>
      <c r="D15" s="5" t="s">
        <v>13</v>
      </c>
      <c r="E15" s="7" t="s">
        <v>135</v>
      </c>
    </row>
    <row r="16" spans="1:5" ht="22.5" customHeight="1" x14ac:dyDescent="0.45">
      <c r="A16" s="7" t="s">
        <v>136</v>
      </c>
      <c r="B16" s="7" t="s">
        <v>137</v>
      </c>
      <c r="C16" s="8" t="s">
        <v>138</v>
      </c>
      <c r="D16" s="5" t="s">
        <v>139</v>
      </c>
      <c r="E16" s="7" t="s">
        <v>140</v>
      </c>
    </row>
    <row r="17" spans="1:5" ht="22.5" customHeight="1" x14ac:dyDescent="0.45">
      <c r="A17" s="16" t="s">
        <v>141</v>
      </c>
      <c r="B17" s="7" t="s">
        <v>142</v>
      </c>
      <c r="C17" s="8" t="s">
        <v>86</v>
      </c>
      <c r="D17" s="5" t="s">
        <v>61</v>
      </c>
      <c r="E17" s="7" t="s">
        <v>143</v>
      </c>
    </row>
    <row r="18" spans="1:5" ht="22.5" customHeight="1" x14ac:dyDescent="0.45">
      <c r="A18" s="7" t="s">
        <v>144</v>
      </c>
      <c r="B18" s="7" t="s">
        <v>63</v>
      </c>
      <c r="C18" s="8" t="s">
        <v>64</v>
      </c>
      <c r="D18" s="5" t="s">
        <v>65</v>
      </c>
      <c r="E18" s="7" t="s">
        <v>145</v>
      </c>
    </row>
    <row r="19" spans="1:5" ht="22.5" customHeight="1" x14ac:dyDescent="0.45">
      <c r="A19" s="7" t="s">
        <v>146</v>
      </c>
      <c r="B19" s="7" t="s">
        <v>147</v>
      </c>
      <c r="C19" s="8" t="s">
        <v>148</v>
      </c>
      <c r="D19" s="5" t="s">
        <v>69</v>
      </c>
      <c r="E19" s="7" t="s">
        <v>149</v>
      </c>
    </row>
    <row r="20" spans="1:5" ht="22.5" customHeight="1" x14ac:dyDescent="0.45">
      <c r="A20" s="7" t="s">
        <v>150</v>
      </c>
      <c r="B20" s="7" t="s">
        <v>151</v>
      </c>
      <c r="C20" s="8" t="s">
        <v>152</v>
      </c>
      <c r="D20" s="5" t="s">
        <v>153</v>
      </c>
      <c r="E20" s="7" t="s">
        <v>154</v>
      </c>
    </row>
    <row r="21" spans="1:5" ht="22.5" customHeight="1" x14ac:dyDescent="0.45">
      <c r="A21" s="7" t="s">
        <v>155</v>
      </c>
      <c r="B21" s="7" t="s">
        <v>156</v>
      </c>
      <c r="C21" s="8" t="s">
        <v>157</v>
      </c>
      <c r="D21" s="5" t="s">
        <v>158</v>
      </c>
      <c r="E21" s="7" t="s">
        <v>159</v>
      </c>
    </row>
    <row r="22" spans="1:5" ht="22.5" customHeight="1" x14ac:dyDescent="0.45">
      <c r="A22" s="7" t="s">
        <v>160</v>
      </c>
      <c r="B22" s="7" t="s">
        <v>67</v>
      </c>
      <c r="C22" s="8" t="s">
        <v>68</v>
      </c>
      <c r="D22" s="5" t="s">
        <v>69</v>
      </c>
      <c r="E22" s="7" t="s">
        <v>161</v>
      </c>
    </row>
    <row r="23" spans="1:5" ht="22.5" customHeight="1" x14ac:dyDescent="0.45">
      <c r="A23" s="7" t="s">
        <v>162</v>
      </c>
      <c r="B23" s="7" t="s">
        <v>163</v>
      </c>
      <c r="C23" s="8" t="s">
        <v>164</v>
      </c>
      <c r="D23" s="5" t="s">
        <v>165</v>
      </c>
      <c r="E23" s="7" t="s">
        <v>166</v>
      </c>
    </row>
    <row r="24" spans="1:5" ht="22.5" customHeight="1" x14ac:dyDescent="0.45">
      <c r="A24" s="7" t="s">
        <v>167</v>
      </c>
      <c r="B24" s="7" t="s">
        <v>70</v>
      </c>
      <c r="C24" s="8" t="s">
        <v>71</v>
      </c>
      <c r="D24" s="5" t="s">
        <v>72</v>
      </c>
      <c r="E24" s="7" t="s">
        <v>168</v>
      </c>
    </row>
    <row r="25" spans="1:5" ht="22.5" customHeight="1" x14ac:dyDescent="0.45">
      <c r="A25" s="7" t="s">
        <v>169</v>
      </c>
      <c r="B25" s="7" t="s">
        <v>57</v>
      </c>
      <c r="C25" s="8" t="s">
        <v>170</v>
      </c>
      <c r="D25" s="5" t="s">
        <v>72</v>
      </c>
      <c r="E25" s="7" t="s">
        <v>171</v>
      </c>
    </row>
    <row r="26" spans="1:5" ht="22.5" customHeight="1" x14ac:dyDescent="0.45">
      <c r="A26" s="7" t="s">
        <v>172</v>
      </c>
      <c r="B26" s="7" t="s">
        <v>80</v>
      </c>
      <c r="C26" s="8" t="s">
        <v>81</v>
      </c>
      <c r="D26" s="5" t="s">
        <v>82</v>
      </c>
      <c r="E26" s="7" t="s">
        <v>88</v>
      </c>
    </row>
    <row r="27" spans="1:5" ht="22.5" customHeight="1" x14ac:dyDescent="0.45">
      <c r="A27" s="7" t="s">
        <v>173</v>
      </c>
      <c r="B27" s="7" t="s">
        <v>174</v>
      </c>
      <c r="C27" s="4" t="s">
        <v>175</v>
      </c>
      <c r="D27" s="3" t="s">
        <v>19</v>
      </c>
      <c r="E27" s="7" t="s">
        <v>176</v>
      </c>
    </row>
    <row r="28" spans="1:5" ht="22.5" customHeight="1" x14ac:dyDescent="0.45">
      <c r="A28" s="7" t="s">
        <v>177</v>
      </c>
      <c r="B28" s="7" t="s">
        <v>178</v>
      </c>
      <c r="C28" s="8" t="s">
        <v>179</v>
      </c>
      <c r="D28" s="5" t="s">
        <v>9</v>
      </c>
      <c r="E28" s="7" t="s">
        <v>180</v>
      </c>
    </row>
    <row r="29" spans="1:5" ht="22.5" customHeight="1" x14ac:dyDescent="0.45">
      <c r="A29" s="7" t="s">
        <v>181</v>
      </c>
      <c r="B29" s="7" t="s">
        <v>182</v>
      </c>
      <c r="C29" s="8" t="s">
        <v>183</v>
      </c>
      <c r="D29" s="5" t="s">
        <v>184</v>
      </c>
      <c r="E29" s="7" t="s">
        <v>185</v>
      </c>
    </row>
    <row r="30" spans="1:5" ht="22.5" customHeight="1" x14ac:dyDescent="0.45">
      <c r="A30" s="7" t="s">
        <v>186</v>
      </c>
      <c r="B30" s="7" t="s">
        <v>187</v>
      </c>
      <c r="C30" s="8" t="s">
        <v>188</v>
      </c>
      <c r="D30" s="5" t="s">
        <v>189</v>
      </c>
      <c r="E30" s="7" t="s">
        <v>190</v>
      </c>
    </row>
    <row r="31" spans="1:5" ht="22.5" customHeight="1" x14ac:dyDescent="0.45">
      <c r="A31" s="7" t="s">
        <v>191</v>
      </c>
      <c r="B31" s="7" t="s">
        <v>54</v>
      </c>
      <c r="C31" s="4" t="s">
        <v>55</v>
      </c>
      <c r="D31" s="5" t="s">
        <v>22</v>
      </c>
      <c r="E31" s="7" t="s">
        <v>192</v>
      </c>
    </row>
    <row r="32" spans="1:5" ht="22.5" customHeight="1" x14ac:dyDescent="0.45">
      <c r="A32" s="7" t="s">
        <v>193</v>
      </c>
      <c r="B32" s="7" t="s">
        <v>194</v>
      </c>
      <c r="C32" s="4" t="s">
        <v>195</v>
      </c>
      <c r="D32" s="5" t="s">
        <v>30</v>
      </c>
      <c r="E32" s="7" t="s">
        <v>196</v>
      </c>
    </row>
    <row r="33" spans="1:5" ht="22.5" customHeight="1" x14ac:dyDescent="0.45">
      <c r="A33" s="7" t="s">
        <v>197</v>
      </c>
      <c r="B33" s="7" t="s">
        <v>198</v>
      </c>
      <c r="C33" s="4" t="s">
        <v>199</v>
      </c>
      <c r="D33" s="5" t="s">
        <v>200</v>
      </c>
      <c r="E33" s="7" t="s">
        <v>201</v>
      </c>
    </row>
    <row r="34" spans="1:5" ht="22.5" customHeight="1" x14ac:dyDescent="0.45">
      <c r="A34" s="7" t="s">
        <v>202</v>
      </c>
      <c r="B34" s="7" t="s">
        <v>203</v>
      </c>
      <c r="C34" s="4" t="s">
        <v>204</v>
      </c>
      <c r="D34" s="5" t="s">
        <v>27</v>
      </c>
      <c r="E34" s="7" t="s">
        <v>205</v>
      </c>
    </row>
    <row r="35" spans="1:5" ht="22.5" customHeight="1" x14ac:dyDescent="0.45">
      <c r="A35" s="7" t="s">
        <v>206</v>
      </c>
      <c r="B35" s="7" t="s">
        <v>15</v>
      </c>
      <c r="C35" s="4" t="s">
        <v>16</v>
      </c>
      <c r="D35" s="5" t="s">
        <v>17</v>
      </c>
      <c r="E35" s="7" t="s">
        <v>18</v>
      </c>
    </row>
    <row r="36" spans="1:5" ht="22.5" customHeight="1" x14ac:dyDescent="0.45">
      <c r="A36" s="7" t="s">
        <v>207</v>
      </c>
      <c r="B36" s="7" t="s">
        <v>75</v>
      </c>
      <c r="C36" s="4" t="s">
        <v>76</v>
      </c>
      <c r="D36" s="5" t="s">
        <v>77</v>
      </c>
      <c r="E36" s="7" t="s">
        <v>208</v>
      </c>
    </row>
    <row r="37" spans="1:5" ht="22.5" customHeight="1" x14ac:dyDescent="0.45">
      <c r="A37" s="7" t="s">
        <v>209</v>
      </c>
      <c r="B37" s="7" t="s">
        <v>41</v>
      </c>
      <c r="C37" s="4" t="s">
        <v>210</v>
      </c>
      <c r="D37" s="5" t="s">
        <v>42</v>
      </c>
      <c r="E37" s="7" t="s">
        <v>43</v>
      </c>
    </row>
    <row r="38" spans="1:5" ht="22.5" customHeight="1" x14ac:dyDescent="0.45">
      <c r="A38" s="7" t="s">
        <v>211</v>
      </c>
      <c r="B38" s="7" t="s">
        <v>212</v>
      </c>
      <c r="C38" s="4" t="s">
        <v>213</v>
      </c>
      <c r="D38" s="5" t="s">
        <v>23</v>
      </c>
      <c r="E38" s="7" t="s">
        <v>214</v>
      </c>
    </row>
    <row r="39" spans="1:5" ht="22.5" customHeight="1" x14ac:dyDescent="0.45">
      <c r="A39" s="7" t="s">
        <v>215</v>
      </c>
      <c r="B39" s="7" t="s">
        <v>216</v>
      </c>
      <c r="C39" s="4" t="s">
        <v>217</v>
      </c>
      <c r="D39" s="5" t="s">
        <v>218</v>
      </c>
      <c r="E39" s="7" t="s">
        <v>219</v>
      </c>
    </row>
    <row r="40" spans="1:5" ht="22.5" customHeight="1" x14ac:dyDescent="0.45">
      <c r="A40" s="7" t="s">
        <v>220</v>
      </c>
      <c r="B40" s="7" t="s">
        <v>221</v>
      </c>
      <c r="C40" s="4" t="s">
        <v>222</v>
      </c>
      <c r="D40" s="5" t="s">
        <v>223</v>
      </c>
      <c r="E40" s="7" t="s">
        <v>224</v>
      </c>
    </row>
    <row r="41" spans="1:5" s="15" customFormat="1" ht="22.5" customHeight="1" x14ac:dyDescent="0.2">
      <c r="A41" s="7" t="s">
        <v>225</v>
      </c>
      <c r="B41" s="7" t="s">
        <v>226</v>
      </c>
      <c r="C41" s="4" t="s">
        <v>227</v>
      </c>
      <c r="D41" s="5" t="s">
        <v>78</v>
      </c>
      <c r="E41" s="7" t="s">
        <v>228</v>
      </c>
    </row>
    <row r="42" spans="1:5" ht="22.5" customHeight="1" x14ac:dyDescent="0.45">
      <c r="A42" s="16" t="s">
        <v>229</v>
      </c>
      <c r="B42" s="16" t="s">
        <v>230</v>
      </c>
      <c r="C42" s="19" t="s">
        <v>231</v>
      </c>
      <c r="D42" s="5" t="s">
        <v>44</v>
      </c>
      <c r="E42" s="7" t="s">
        <v>232</v>
      </c>
    </row>
    <row r="43" spans="1:5" ht="22.5" customHeight="1" x14ac:dyDescent="0.45">
      <c r="A43" s="16" t="s">
        <v>233</v>
      </c>
      <c r="B43" s="16" t="s">
        <v>234</v>
      </c>
      <c r="C43" s="19" t="s">
        <v>235</v>
      </c>
      <c r="D43" s="5" t="s">
        <v>236</v>
      </c>
      <c r="E43" s="7" t="s">
        <v>237</v>
      </c>
    </row>
    <row r="44" spans="1:5" ht="22.5" customHeight="1" x14ac:dyDescent="0.45">
      <c r="A44" s="7" t="s">
        <v>238</v>
      </c>
      <c r="B44" s="7" t="s">
        <v>59</v>
      </c>
      <c r="C44" s="8" t="s">
        <v>60</v>
      </c>
      <c r="D44" s="5" t="s">
        <v>61</v>
      </c>
      <c r="E44" s="7" t="s">
        <v>239</v>
      </c>
    </row>
    <row r="45" spans="1:5" ht="22.5" customHeight="1" x14ac:dyDescent="0.45">
      <c r="A45" s="16" t="s">
        <v>240</v>
      </c>
      <c r="B45" s="7" t="s">
        <v>241</v>
      </c>
      <c r="C45" s="8" t="s">
        <v>242</v>
      </c>
      <c r="D45" s="5" t="s">
        <v>243</v>
      </c>
      <c r="E45" s="7" t="s">
        <v>244</v>
      </c>
    </row>
    <row r="46" spans="1:5" ht="22.5" customHeight="1" x14ac:dyDescent="0.45">
      <c r="A46" s="20" t="s">
        <v>245</v>
      </c>
      <c r="B46" s="7" t="s">
        <v>246</v>
      </c>
      <c r="C46" s="4" t="s">
        <v>247</v>
      </c>
      <c r="D46" s="5" t="s">
        <v>248</v>
      </c>
      <c r="E46" s="7" t="s">
        <v>249</v>
      </c>
    </row>
    <row r="47" spans="1:5" ht="22.5" customHeight="1" x14ac:dyDescent="0.45">
      <c r="A47" s="16" t="s">
        <v>250</v>
      </c>
      <c r="B47" s="7" t="s">
        <v>251</v>
      </c>
      <c r="C47" s="4" t="s">
        <v>252</v>
      </c>
      <c r="D47" s="5" t="s">
        <v>62</v>
      </c>
      <c r="E47" s="7" t="s">
        <v>253</v>
      </c>
    </row>
    <row r="48" spans="1:5" ht="22.5" customHeight="1" x14ac:dyDescent="0.45">
      <c r="A48" s="16" t="s">
        <v>254</v>
      </c>
      <c r="B48" s="7" t="s">
        <v>255</v>
      </c>
      <c r="C48" s="4" t="s">
        <v>256</v>
      </c>
      <c r="D48" s="5" t="s">
        <v>257</v>
      </c>
      <c r="E48" s="7" t="s">
        <v>258</v>
      </c>
    </row>
    <row r="49" spans="1:5" ht="22.5" customHeight="1" x14ac:dyDescent="0.45">
      <c r="A49" s="7" t="s">
        <v>259</v>
      </c>
      <c r="B49" s="7" t="s">
        <v>260</v>
      </c>
      <c r="C49" s="4" t="s">
        <v>261</v>
      </c>
      <c r="D49" s="5" t="s">
        <v>262</v>
      </c>
      <c r="E49" s="7" t="s">
        <v>263</v>
      </c>
    </row>
    <row r="50" spans="1:5" ht="22.5" customHeight="1" x14ac:dyDescent="0.45">
      <c r="A50" s="7" t="s">
        <v>264</v>
      </c>
      <c r="B50" s="7" t="s">
        <v>265</v>
      </c>
      <c r="C50" s="4" t="s">
        <v>266</v>
      </c>
      <c r="D50" s="5" t="s">
        <v>267</v>
      </c>
      <c r="E50" s="7" t="s">
        <v>268</v>
      </c>
    </row>
    <row r="51" spans="1:5" ht="22.5" customHeight="1" x14ac:dyDescent="0.45">
      <c r="A51" s="7" t="s">
        <v>269</v>
      </c>
      <c r="B51" s="7" t="s">
        <v>270</v>
      </c>
      <c r="C51" s="4" t="s">
        <v>45</v>
      </c>
      <c r="D51" s="5" t="s">
        <v>20</v>
      </c>
      <c r="E51" s="7" t="s">
        <v>271</v>
      </c>
    </row>
    <row r="52" spans="1:5" ht="21.6" customHeight="1" x14ac:dyDescent="0.45">
      <c r="A52" s="7" t="s">
        <v>272</v>
      </c>
      <c r="B52" s="7" t="s">
        <v>273</v>
      </c>
      <c r="C52" s="4" t="s">
        <v>274</v>
      </c>
      <c r="D52" s="5" t="s">
        <v>89</v>
      </c>
      <c r="E52" s="7" t="s">
        <v>275</v>
      </c>
    </row>
    <row r="53" spans="1:5" ht="21.6" customHeight="1" x14ac:dyDescent="0.45">
      <c r="A53" s="7" t="s">
        <v>276</v>
      </c>
      <c r="B53" s="7" t="s">
        <v>277</v>
      </c>
      <c r="C53" s="4" t="s">
        <v>48</v>
      </c>
      <c r="D53" s="5" t="s">
        <v>49</v>
      </c>
      <c r="E53" s="7" t="s">
        <v>50</v>
      </c>
    </row>
    <row r="54" spans="1:5" ht="22.5" customHeight="1" x14ac:dyDescent="0.45">
      <c r="A54" s="7" t="s">
        <v>278</v>
      </c>
      <c r="B54" s="7" t="s">
        <v>279</v>
      </c>
      <c r="C54" s="4" t="s">
        <v>280</v>
      </c>
      <c r="D54" s="5" t="s">
        <v>62</v>
      </c>
      <c r="E54" s="7" t="s">
        <v>281</v>
      </c>
    </row>
    <row r="55" spans="1:5" ht="22.5" customHeight="1" x14ac:dyDescent="0.45">
      <c r="A55" s="7" t="s">
        <v>282</v>
      </c>
      <c r="B55" s="7" t="s">
        <v>283</v>
      </c>
      <c r="C55" s="4" t="s">
        <v>284</v>
      </c>
      <c r="D55" s="5" t="s">
        <v>10</v>
      </c>
      <c r="E55" s="7" t="s">
        <v>24</v>
      </c>
    </row>
    <row r="56" spans="1:5" ht="22.5" customHeight="1" x14ac:dyDescent="0.45">
      <c r="A56" s="7" t="s">
        <v>285</v>
      </c>
      <c r="B56" s="7" t="s">
        <v>286</v>
      </c>
      <c r="C56" s="4" t="s">
        <v>287</v>
      </c>
      <c r="D56" s="5" t="s">
        <v>288</v>
      </c>
      <c r="E56" s="7" t="s">
        <v>289</v>
      </c>
    </row>
    <row r="57" spans="1:5" ht="22.5" customHeight="1" x14ac:dyDescent="0.45">
      <c r="A57" s="7" t="s">
        <v>290</v>
      </c>
      <c r="B57" s="7" t="s">
        <v>90</v>
      </c>
      <c r="C57" s="4" t="s">
        <v>291</v>
      </c>
      <c r="D57" s="5" t="s">
        <v>66</v>
      </c>
      <c r="E57" s="7" t="s">
        <v>91</v>
      </c>
    </row>
    <row r="58" spans="1:5" ht="22.5" customHeight="1" x14ac:dyDescent="0.45">
      <c r="A58" s="7" t="s">
        <v>292</v>
      </c>
      <c r="B58" s="7" t="s">
        <v>56</v>
      </c>
      <c r="C58" s="4" t="s">
        <v>293</v>
      </c>
      <c r="D58" s="5" t="s">
        <v>7</v>
      </c>
      <c r="E58" s="10" t="s">
        <v>294</v>
      </c>
    </row>
    <row r="59" spans="1:5" ht="22.5" customHeight="1" x14ac:dyDescent="0.45">
      <c r="A59" s="7" t="s">
        <v>295</v>
      </c>
      <c r="B59" s="7" t="s">
        <v>296</v>
      </c>
      <c r="C59" s="4" t="s">
        <v>297</v>
      </c>
      <c r="D59" s="5" t="s">
        <v>298</v>
      </c>
      <c r="E59" s="10" t="s">
        <v>299</v>
      </c>
    </row>
    <row r="60" spans="1:5" ht="22.5" customHeight="1" x14ac:dyDescent="0.45">
      <c r="A60" s="7" t="s">
        <v>300</v>
      </c>
      <c r="B60" s="7" t="s">
        <v>301</v>
      </c>
      <c r="C60" s="4" t="s">
        <v>302</v>
      </c>
      <c r="D60" s="5" t="s">
        <v>35</v>
      </c>
      <c r="E60" s="7" t="s">
        <v>303</v>
      </c>
    </row>
    <row r="61" spans="1:5" ht="22.5" customHeight="1" x14ac:dyDescent="0.45">
      <c r="A61" s="7" t="s">
        <v>304</v>
      </c>
      <c r="B61" s="7" t="s">
        <v>25</v>
      </c>
      <c r="C61" s="4" t="s">
        <v>305</v>
      </c>
      <c r="D61" s="5" t="s">
        <v>92</v>
      </c>
      <c r="E61" s="7" t="s">
        <v>26</v>
      </c>
    </row>
    <row r="62" spans="1:5" ht="22.5" customHeight="1" x14ac:dyDescent="0.45">
      <c r="A62" s="7" t="s">
        <v>306</v>
      </c>
      <c r="B62" s="7" t="s">
        <v>29</v>
      </c>
      <c r="C62" s="4" t="s">
        <v>307</v>
      </c>
      <c r="D62" s="5" t="s">
        <v>6</v>
      </c>
      <c r="E62" s="7" t="s">
        <v>308</v>
      </c>
    </row>
    <row r="63" spans="1:5" ht="22.5" customHeight="1" x14ac:dyDescent="0.45">
      <c r="A63" s="7" t="s">
        <v>309</v>
      </c>
      <c r="B63" s="10" t="s">
        <v>310</v>
      </c>
      <c r="C63" s="4" t="s">
        <v>311</v>
      </c>
      <c r="D63" s="5" t="s">
        <v>312</v>
      </c>
      <c r="E63" s="7" t="s">
        <v>313</v>
      </c>
    </row>
    <row r="64" spans="1:5" ht="22.5" customHeight="1" x14ac:dyDescent="0.45">
      <c r="A64" s="7" t="s">
        <v>314</v>
      </c>
      <c r="B64" s="10" t="s">
        <v>315</v>
      </c>
      <c r="C64" s="4" t="s">
        <v>316</v>
      </c>
      <c r="D64" s="5" t="s">
        <v>317</v>
      </c>
      <c r="E64" s="7" t="s">
        <v>318</v>
      </c>
    </row>
    <row r="65" spans="1:5" ht="22.5" customHeight="1" x14ac:dyDescent="0.45">
      <c r="A65" s="7" t="s">
        <v>319</v>
      </c>
      <c r="B65" s="7" t="s">
        <v>320</v>
      </c>
      <c r="C65" s="4" t="s">
        <v>321</v>
      </c>
      <c r="D65" s="5" t="s">
        <v>322</v>
      </c>
      <c r="E65" s="7" t="s">
        <v>323</v>
      </c>
    </row>
    <row r="66" spans="1:5" ht="22.5" customHeight="1" x14ac:dyDescent="0.45">
      <c r="A66" s="7" t="s">
        <v>324</v>
      </c>
      <c r="B66" s="7" t="s">
        <v>325</v>
      </c>
      <c r="C66" s="4" t="s">
        <v>326</v>
      </c>
      <c r="D66" s="5" t="s">
        <v>327</v>
      </c>
      <c r="E66" s="7" t="s">
        <v>328</v>
      </c>
    </row>
    <row r="67" spans="1:5" ht="22.5" customHeight="1" x14ac:dyDescent="0.45">
      <c r="A67" s="7" t="s">
        <v>329</v>
      </c>
      <c r="B67" s="7" t="s">
        <v>31</v>
      </c>
      <c r="C67" s="4" t="s">
        <v>32</v>
      </c>
      <c r="D67" s="5" t="s">
        <v>33</v>
      </c>
      <c r="E67" s="7" t="s">
        <v>34</v>
      </c>
    </row>
    <row r="68" spans="1:5" ht="22.5" customHeight="1" x14ac:dyDescent="0.45">
      <c r="A68" s="7" t="s">
        <v>330</v>
      </c>
      <c r="B68" s="7" t="s">
        <v>331</v>
      </c>
      <c r="C68" s="4" t="s">
        <v>36</v>
      </c>
      <c r="D68" s="5" t="s">
        <v>37</v>
      </c>
      <c r="E68" s="7" t="s">
        <v>38</v>
      </c>
    </row>
    <row r="69" spans="1:5" ht="22.5" customHeight="1" x14ac:dyDescent="0.45">
      <c r="A69" s="7" t="s">
        <v>332</v>
      </c>
      <c r="B69" s="7" t="s">
        <v>333</v>
      </c>
      <c r="C69" s="4" t="s">
        <v>334</v>
      </c>
      <c r="D69" s="5" t="s">
        <v>335</v>
      </c>
      <c r="E69" s="7" t="s">
        <v>336</v>
      </c>
    </row>
    <row r="70" spans="1:5" ht="22.5" customHeight="1" x14ac:dyDescent="0.45">
      <c r="A70" s="7" t="s">
        <v>337</v>
      </c>
      <c r="B70" s="7" t="s">
        <v>338</v>
      </c>
      <c r="C70" s="4" t="s">
        <v>339</v>
      </c>
      <c r="D70" s="5" t="s">
        <v>79</v>
      </c>
      <c r="E70" s="7" t="s">
        <v>340</v>
      </c>
    </row>
    <row r="71" spans="1:5" ht="22.5" customHeight="1" x14ac:dyDescent="0.45">
      <c r="A71" s="7" t="s">
        <v>341</v>
      </c>
      <c r="B71" s="10" t="s">
        <v>342</v>
      </c>
      <c r="C71" s="4" t="s">
        <v>343</v>
      </c>
      <c r="D71" s="5" t="s">
        <v>344</v>
      </c>
      <c r="E71" s="7" t="s">
        <v>34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７号（防）登録</vt:lpstr>
      <vt:lpstr>'７号（防）登録'!Print_Area</vt:lpstr>
      <vt:lpstr>'７号（防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6:28Z</cp:lastPrinted>
  <dcterms:created xsi:type="dcterms:W3CDTF">2025-10-23T04:25:56Z</dcterms:created>
  <dcterms:modified xsi:type="dcterms:W3CDTF">2025-10-23T04:46:40Z</dcterms:modified>
</cp:coreProperties>
</file>